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02 富山駅周辺整備\01 施設管理\15 富山駅広場等使用許可申請 (3年)\市ホームページ掲載\R4.4.1～更新分\"/>
    </mc:Choice>
  </mc:AlternateContent>
  <bookViews>
    <workbookView xWindow="0" yWindow="0" windowWidth="24000" windowHeight="951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" uniqueCount="38">
  <si>
    <t>品名</t>
    <rPh sb="0" eb="2">
      <t>ヒンメイ</t>
    </rPh>
    <phoneticPr fontId="1"/>
  </si>
  <si>
    <t>型番・仕様</t>
    <rPh sb="0" eb="2">
      <t>カタバン</t>
    </rPh>
    <rPh sb="3" eb="5">
      <t>シヨウ</t>
    </rPh>
    <phoneticPr fontId="1"/>
  </si>
  <si>
    <t>数量</t>
    <rPh sb="0" eb="2">
      <t>スウリョウ</t>
    </rPh>
    <phoneticPr fontId="1"/>
  </si>
  <si>
    <t>ベルトインパーテーション</t>
    <phoneticPr fontId="1"/>
  </si>
  <si>
    <t>引き出しベルト２ｍ程度（赤）</t>
    <rPh sb="0" eb="1">
      <t>ヒ</t>
    </rPh>
    <rPh sb="2" eb="3">
      <t>ダ</t>
    </rPh>
    <rPh sb="9" eb="11">
      <t>テイド</t>
    </rPh>
    <rPh sb="12" eb="13">
      <t>アカ</t>
    </rPh>
    <phoneticPr fontId="1"/>
  </si>
  <si>
    <t>引き出しベルト２ｍ程度（青）</t>
    <rPh sb="0" eb="1">
      <t>ヒ</t>
    </rPh>
    <rPh sb="2" eb="3">
      <t>ダ</t>
    </rPh>
    <rPh sb="9" eb="11">
      <t>テイド</t>
    </rPh>
    <rPh sb="12" eb="13">
      <t>アオ</t>
    </rPh>
    <phoneticPr fontId="1"/>
  </si>
  <si>
    <t>クイックテント（小）</t>
    <rPh sb="8" eb="9">
      <t>ショウ</t>
    </rPh>
    <phoneticPr fontId="1"/>
  </si>
  <si>
    <t>クイックテント（大）</t>
    <rPh sb="8" eb="9">
      <t>ダイ</t>
    </rPh>
    <phoneticPr fontId="1"/>
  </si>
  <si>
    <t>テント用ウエイト</t>
    <rPh sb="3" eb="4">
      <t>ヨウ</t>
    </rPh>
    <phoneticPr fontId="1"/>
  </si>
  <si>
    <t>長テーブル（茶色）</t>
    <rPh sb="0" eb="1">
      <t>ナガ</t>
    </rPh>
    <rPh sb="6" eb="8">
      <t>チャイロ</t>
    </rPh>
    <phoneticPr fontId="1"/>
  </si>
  <si>
    <t>W1800×D450×H700</t>
    <phoneticPr fontId="1"/>
  </si>
  <si>
    <t>長テーブル（白色）</t>
    <rPh sb="0" eb="1">
      <t>ナガ</t>
    </rPh>
    <rPh sb="6" eb="8">
      <t>ハクショク</t>
    </rPh>
    <phoneticPr fontId="1"/>
  </si>
  <si>
    <t>W1800×D600×H700</t>
    <phoneticPr fontId="1"/>
  </si>
  <si>
    <t>電源ドラム（屋内用）</t>
    <rPh sb="0" eb="2">
      <t>デンゲン</t>
    </rPh>
    <rPh sb="6" eb="8">
      <t>オクナイ</t>
    </rPh>
    <rPh sb="8" eb="9">
      <t>ヨウ</t>
    </rPh>
    <phoneticPr fontId="1"/>
  </si>
  <si>
    <t>電源ドラム（屋外用）</t>
    <rPh sb="0" eb="2">
      <t>デンゲン</t>
    </rPh>
    <rPh sb="6" eb="8">
      <t>オクガイ</t>
    </rPh>
    <rPh sb="8" eb="9">
      <t>ヨウ</t>
    </rPh>
    <phoneticPr fontId="1"/>
  </si>
  <si>
    <t>100V 15A 4口</t>
    <rPh sb="10" eb="11">
      <t>クチ</t>
    </rPh>
    <phoneticPr fontId="1"/>
  </si>
  <si>
    <t>パイプ椅子</t>
    <rPh sb="3" eb="5">
      <t>イス</t>
    </rPh>
    <phoneticPr fontId="1"/>
  </si>
  <si>
    <t>折り畳み式</t>
    <rPh sb="0" eb="1">
      <t>オ</t>
    </rPh>
    <rPh sb="2" eb="3">
      <t>タタ</t>
    </rPh>
    <rPh sb="4" eb="5">
      <t>シキ</t>
    </rPh>
    <phoneticPr fontId="1"/>
  </si>
  <si>
    <t>ガーデンテーブル</t>
    <phoneticPr fontId="1"/>
  </si>
  <si>
    <t>白・丸形・組み立て式</t>
    <rPh sb="0" eb="1">
      <t>シロ</t>
    </rPh>
    <rPh sb="2" eb="4">
      <t>マルガタ</t>
    </rPh>
    <rPh sb="5" eb="6">
      <t>ク</t>
    </rPh>
    <rPh sb="7" eb="8">
      <t>タ</t>
    </rPh>
    <rPh sb="9" eb="10">
      <t>シキ</t>
    </rPh>
    <phoneticPr fontId="1"/>
  </si>
  <si>
    <t>ガーデンチェア</t>
    <phoneticPr fontId="1"/>
  </si>
  <si>
    <t>白・スタッキング式</t>
    <rPh sb="0" eb="1">
      <t>シロ</t>
    </rPh>
    <rPh sb="8" eb="9">
      <t>シキ</t>
    </rPh>
    <phoneticPr fontId="1"/>
  </si>
  <si>
    <t>W2500×W2500×H可変式1800～2400</t>
    <rPh sb="13" eb="15">
      <t>カヘン</t>
    </rPh>
    <rPh sb="15" eb="16">
      <t>シキ</t>
    </rPh>
    <phoneticPr fontId="1"/>
  </si>
  <si>
    <t>W3000×W3000×H可変式1800～2400</t>
    <rPh sb="13" eb="15">
      <t>カヘン</t>
    </rPh>
    <rPh sb="15" eb="16">
      <t>シキ</t>
    </rPh>
    <phoneticPr fontId="1"/>
  </si>
  <si>
    <t>10kg テント以外にも利用可能</t>
    <rPh sb="8" eb="10">
      <t>イガイ</t>
    </rPh>
    <rPh sb="12" eb="14">
      <t>リヨウ</t>
    </rPh>
    <rPh sb="14" eb="16">
      <t>カノウ</t>
    </rPh>
    <phoneticPr fontId="1"/>
  </si>
  <si>
    <t>チェア（赤）</t>
    <rPh sb="4" eb="5">
      <t>アカ</t>
    </rPh>
    <phoneticPr fontId="1"/>
  </si>
  <si>
    <t>スタッキング式・背もたれ有</t>
    <rPh sb="6" eb="7">
      <t>シキ</t>
    </rPh>
    <rPh sb="8" eb="9">
      <t>セ</t>
    </rPh>
    <rPh sb="12" eb="13">
      <t>アリ</t>
    </rPh>
    <phoneticPr fontId="1"/>
  </si>
  <si>
    <t>ミニテーブル（茶色）</t>
    <rPh sb="7" eb="9">
      <t>チャイロ</t>
    </rPh>
    <phoneticPr fontId="1"/>
  </si>
  <si>
    <t>折り畳み式・丸形</t>
    <rPh sb="0" eb="1">
      <t>オ</t>
    </rPh>
    <rPh sb="2" eb="3">
      <t>タタ</t>
    </rPh>
    <rPh sb="4" eb="5">
      <t>シキ</t>
    </rPh>
    <rPh sb="6" eb="8">
      <t>マルガタ</t>
    </rPh>
    <phoneticPr fontId="1"/>
  </si>
  <si>
    <t>有線マイク</t>
    <rPh sb="0" eb="2">
      <t>ユウセン</t>
    </rPh>
    <phoneticPr fontId="1"/>
  </si>
  <si>
    <t>SHURE SM58</t>
    <phoneticPr fontId="1"/>
  </si>
  <si>
    <t>SANWA SUPPLY 400-SPO044</t>
    <phoneticPr fontId="1"/>
  </si>
  <si>
    <t>簡易音響（アンプ内蔵スピーカー）</t>
    <rPh sb="0" eb="4">
      <t>カンイオンキョウ</t>
    </rPh>
    <rPh sb="8" eb="10">
      <t>ナイゾウ</t>
    </rPh>
    <phoneticPr fontId="1"/>
  </si>
  <si>
    <t>貸出備品リスト</t>
    <rPh sb="0" eb="2">
      <t>カシダシ</t>
    </rPh>
    <rPh sb="2" eb="4">
      <t>ヒン</t>
    </rPh>
    <phoneticPr fontId="1"/>
  </si>
  <si>
    <t>テント用横幕（小）</t>
    <rPh sb="3" eb="4">
      <t>ヨウ</t>
    </rPh>
    <rPh sb="4" eb="6">
      <t>ヨコマク</t>
    </rPh>
    <rPh sb="7" eb="8">
      <t>ショウ</t>
    </rPh>
    <phoneticPr fontId="1"/>
  </si>
  <si>
    <t>1方向</t>
    <rPh sb="1" eb="3">
      <t>ホウコウ</t>
    </rPh>
    <phoneticPr fontId="1"/>
  </si>
  <si>
    <t>貸出</t>
    <rPh sb="0" eb="2">
      <t>カシダシ</t>
    </rPh>
    <phoneticPr fontId="1"/>
  </si>
  <si>
    <t>2023年3月現在</t>
    <rPh sb="4" eb="5">
      <t>ネン</t>
    </rPh>
    <rPh sb="6" eb="7">
      <t>ガツ</t>
    </rPh>
    <rPh sb="7" eb="9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6"/>
      <color theme="1"/>
      <name val="游ゴシック"/>
      <family val="3"/>
      <charset val="128"/>
      <scheme val="minor"/>
    </font>
    <font>
      <sz val="9"/>
      <color theme="1"/>
      <name val="游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0" fontId="0" fillId="2" borderId="1" xfId="0" applyFill="1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1" xfId="0" applyFill="1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E42"/>
  <sheetViews>
    <sheetView tabSelected="1" zoomScaleNormal="100" workbookViewId="0">
      <selection activeCell="H13" sqref="H13"/>
    </sheetView>
  </sheetViews>
  <sheetFormatPr defaultRowHeight="18.75" x14ac:dyDescent="0.4"/>
  <cols>
    <col min="1" max="1" width="3.125" customWidth="1"/>
    <col min="2" max="2" width="30.5" customWidth="1"/>
    <col min="3" max="3" width="35.375" customWidth="1"/>
    <col min="4" max="4" width="12.375" style="5" customWidth="1"/>
    <col min="5" max="5" width="11.5" customWidth="1"/>
  </cols>
  <sheetData>
    <row r="2" spans="2:5" ht="27.6" customHeight="1" x14ac:dyDescent="0.4">
      <c r="B2" s="8" t="s">
        <v>33</v>
      </c>
      <c r="C2" s="8"/>
      <c r="D2" s="8"/>
      <c r="E2" s="8"/>
    </row>
    <row r="3" spans="2:5" x14ac:dyDescent="0.4">
      <c r="B3" s="6"/>
      <c r="C3" s="6"/>
      <c r="D3" s="6"/>
      <c r="E3" s="7" t="s">
        <v>37</v>
      </c>
    </row>
    <row r="4" spans="2:5" ht="43.5" customHeight="1" x14ac:dyDescent="0.4">
      <c r="B4" s="1" t="s">
        <v>0</v>
      </c>
      <c r="C4" s="1" t="s">
        <v>1</v>
      </c>
      <c r="D4" s="1" t="s">
        <v>2</v>
      </c>
      <c r="E4" s="1" t="s">
        <v>36</v>
      </c>
    </row>
    <row r="5" spans="2:5" ht="30" customHeight="1" x14ac:dyDescent="0.4">
      <c r="B5" s="2" t="s">
        <v>3</v>
      </c>
      <c r="C5" s="2" t="s">
        <v>4</v>
      </c>
      <c r="D5" s="4">
        <v>16</v>
      </c>
      <c r="E5" s="2"/>
    </row>
    <row r="6" spans="2:5" ht="30" customHeight="1" x14ac:dyDescent="0.4">
      <c r="B6" s="2" t="s">
        <v>3</v>
      </c>
      <c r="C6" s="2" t="s">
        <v>5</v>
      </c>
      <c r="D6" s="4">
        <v>7</v>
      </c>
      <c r="E6" s="2"/>
    </row>
    <row r="7" spans="2:5" ht="30" customHeight="1" x14ac:dyDescent="0.4">
      <c r="B7" s="2" t="s">
        <v>6</v>
      </c>
      <c r="C7" s="2" t="s">
        <v>22</v>
      </c>
      <c r="D7" s="4">
        <v>18</v>
      </c>
      <c r="E7" s="2"/>
    </row>
    <row r="8" spans="2:5" ht="30" customHeight="1" x14ac:dyDescent="0.4">
      <c r="B8" s="2" t="s">
        <v>7</v>
      </c>
      <c r="C8" s="2" t="s">
        <v>23</v>
      </c>
      <c r="D8" s="4">
        <v>4</v>
      </c>
      <c r="E8" s="2"/>
    </row>
    <row r="9" spans="2:5" ht="30" customHeight="1" x14ac:dyDescent="0.4">
      <c r="B9" s="2" t="s">
        <v>34</v>
      </c>
      <c r="C9" s="2" t="s">
        <v>35</v>
      </c>
      <c r="D9" s="4">
        <v>12</v>
      </c>
      <c r="E9" s="2"/>
    </row>
    <row r="10" spans="2:5" ht="30" customHeight="1" x14ac:dyDescent="0.4">
      <c r="B10" s="2" t="s">
        <v>8</v>
      </c>
      <c r="C10" s="2" t="s">
        <v>24</v>
      </c>
      <c r="D10" s="4">
        <v>64</v>
      </c>
      <c r="E10" s="2"/>
    </row>
    <row r="11" spans="2:5" ht="30" customHeight="1" x14ac:dyDescent="0.4">
      <c r="B11" s="2" t="s">
        <v>9</v>
      </c>
      <c r="C11" s="2" t="s">
        <v>10</v>
      </c>
      <c r="D11" s="4">
        <v>12</v>
      </c>
      <c r="E11" s="2"/>
    </row>
    <row r="12" spans="2:5" ht="30" customHeight="1" x14ac:dyDescent="0.4">
      <c r="B12" s="2" t="s">
        <v>11</v>
      </c>
      <c r="C12" s="2" t="s">
        <v>12</v>
      </c>
      <c r="D12" s="4">
        <v>22</v>
      </c>
      <c r="E12" s="2"/>
    </row>
    <row r="13" spans="2:5" ht="30" customHeight="1" x14ac:dyDescent="0.4">
      <c r="B13" s="2" t="s">
        <v>13</v>
      </c>
      <c r="C13" s="2" t="s">
        <v>15</v>
      </c>
      <c r="D13" s="4">
        <v>4</v>
      </c>
      <c r="E13" s="2"/>
    </row>
    <row r="14" spans="2:5" ht="30" customHeight="1" x14ac:dyDescent="0.4">
      <c r="B14" s="2" t="s">
        <v>14</v>
      </c>
      <c r="C14" s="2" t="s">
        <v>15</v>
      </c>
      <c r="D14" s="4">
        <v>4</v>
      </c>
      <c r="E14" s="2"/>
    </row>
    <row r="15" spans="2:5" ht="30" customHeight="1" x14ac:dyDescent="0.4">
      <c r="B15" s="2" t="s">
        <v>25</v>
      </c>
      <c r="C15" s="2" t="s">
        <v>26</v>
      </c>
      <c r="D15" s="4">
        <v>30</v>
      </c>
      <c r="E15" s="2"/>
    </row>
    <row r="16" spans="2:5" ht="30" customHeight="1" x14ac:dyDescent="0.4">
      <c r="B16" s="2" t="s">
        <v>16</v>
      </c>
      <c r="C16" s="2" t="s">
        <v>17</v>
      </c>
      <c r="D16" s="4">
        <v>25</v>
      </c>
      <c r="E16" s="2"/>
    </row>
    <row r="17" spans="2:5" ht="30" customHeight="1" x14ac:dyDescent="0.4">
      <c r="B17" s="2" t="s">
        <v>18</v>
      </c>
      <c r="C17" s="2" t="s">
        <v>19</v>
      </c>
      <c r="D17" s="4">
        <v>8</v>
      </c>
      <c r="E17" s="2"/>
    </row>
    <row r="18" spans="2:5" ht="30" customHeight="1" x14ac:dyDescent="0.4">
      <c r="B18" s="2" t="s">
        <v>20</v>
      </c>
      <c r="C18" s="2" t="s">
        <v>21</v>
      </c>
      <c r="D18" s="4">
        <v>34</v>
      </c>
      <c r="E18" s="2"/>
    </row>
    <row r="19" spans="2:5" ht="30" customHeight="1" x14ac:dyDescent="0.4">
      <c r="B19" s="2" t="s">
        <v>27</v>
      </c>
      <c r="C19" s="2" t="s">
        <v>28</v>
      </c>
      <c r="D19" s="4">
        <v>6</v>
      </c>
      <c r="E19" s="2"/>
    </row>
    <row r="20" spans="2:5" ht="30" customHeight="1" x14ac:dyDescent="0.4">
      <c r="B20" s="2" t="s">
        <v>29</v>
      </c>
      <c r="C20" s="2" t="s">
        <v>30</v>
      </c>
      <c r="D20" s="4">
        <v>1</v>
      </c>
      <c r="E20" s="2"/>
    </row>
    <row r="21" spans="2:5" ht="30" customHeight="1" x14ac:dyDescent="0.4">
      <c r="B21" s="3" t="s">
        <v>32</v>
      </c>
      <c r="C21" s="3" t="s">
        <v>31</v>
      </c>
      <c r="D21" s="4">
        <v>1</v>
      </c>
      <c r="E21" s="2"/>
    </row>
    <row r="22" spans="2:5" ht="22.15" customHeight="1" x14ac:dyDescent="0.4"/>
    <row r="23" spans="2:5" ht="22.15" customHeight="1" x14ac:dyDescent="0.4"/>
    <row r="24" spans="2:5" ht="22.15" customHeight="1" x14ac:dyDescent="0.4"/>
    <row r="25" spans="2:5" ht="22.15" customHeight="1" x14ac:dyDescent="0.4"/>
    <row r="26" spans="2:5" ht="22.15" customHeight="1" x14ac:dyDescent="0.4"/>
    <row r="27" spans="2:5" ht="22.15" customHeight="1" x14ac:dyDescent="0.4"/>
    <row r="28" spans="2:5" ht="22.15" customHeight="1" x14ac:dyDescent="0.4"/>
    <row r="29" spans="2:5" ht="22.15" customHeight="1" x14ac:dyDescent="0.4"/>
    <row r="30" spans="2:5" ht="22.15" customHeight="1" x14ac:dyDescent="0.4"/>
    <row r="31" spans="2:5" ht="22.15" customHeight="1" x14ac:dyDescent="0.4"/>
    <row r="32" spans="2:5" ht="22.15" customHeight="1" x14ac:dyDescent="0.4"/>
    <row r="33" ht="22.15" customHeight="1" x14ac:dyDescent="0.4"/>
    <row r="34" ht="22.15" customHeight="1" x14ac:dyDescent="0.4"/>
    <row r="35" ht="22.15" customHeight="1" x14ac:dyDescent="0.4"/>
    <row r="36" ht="22.15" customHeight="1" x14ac:dyDescent="0.4"/>
    <row r="37" ht="22.15" customHeight="1" x14ac:dyDescent="0.4"/>
    <row r="38" ht="22.15" customHeight="1" x14ac:dyDescent="0.4"/>
    <row r="39" ht="22.15" customHeight="1" x14ac:dyDescent="0.4"/>
    <row r="40" ht="22.15" customHeight="1" x14ac:dyDescent="0.4"/>
    <row r="41" ht="22.15" customHeight="1" x14ac:dyDescent="0.4"/>
    <row r="42" ht="22.15" customHeight="1" x14ac:dyDescent="0.4"/>
  </sheetData>
  <mergeCells count="1">
    <mergeCell ref="B2:E2"/>
  </mergeCells>
  <phoneticPr fontId="1"/>
  <pageMargins left="0.7" right="0.7" top="0.75" bottom="0.75" header="0.3" footer="0.3"/>
  <pageSetup paperSize="9" scale="85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富山駅</cp:lastModifiedBy>
  <cp:lastPrinted>2022-05-23T02:22:26Z</cp:lastPrinted>
  <dcterms:created xsi:type="dcterms:W3CDTF">2021-03-15T05:58:58Z</dcterms:created>
  <dcterms:modified xsi:type="dcterms:W3CDTF">2023-03-15T00:51:23Z</dcterms:modified>
</cp:coreProperties>
</file>